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0"/>
    <p:sldMasterId id="2147483987" r:id="rId21"/>
  </p:sldMasterIdLst>
  <p:notesMasterIdLst>
    <p:notesMasterId r:id="rId27"/>
  </p:notesMasterIdLst>
  <p:handoutMasterIdLst>
    <p:handoutMasterId r:id="rId28"/>
  </p:handoutMasterIdLst>
  <p:sldIdLst>
    <p:sldId id="269" r:id="rId22"/>
    <p:sldId id="267" r:id="rId23"/>
    <p:sldId id="270" r:id="rId24"/>
    <p:sldId id="271" r:id="rId25"/>
    <p:sldId id="272" r:id="rId26"/>
  </p:sldIdLst>
  <p:sldSz cx="12192000" cy="6858000"/>
  <p:notesSz cx="6858000" cy="9144000"/>
  <p:custDataLst>
    <p:tags r:id="rId29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D4475BB-D10B-44F0-9600-7C7EEBAA15E5}" v="1" dt="2022-05-31T14:16:16.07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0"/>
  </p:normalViewPr>
  <p:slideViewPr>
    <p:cSldViewPr snapToGrid="0" showGuides="1">
      <p:cViewPr varScale="1">
        <p:scale>
          <a:sx n="98" d="100"/>
          <a:sy n="98" d="100"/>
        </p:scale>
        <p:origin x="110" y="379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slideMaster" Target="slideMasters/slideMaster2.xml"/><Relationship Id="rId34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4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3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2.xml"/><Relationship Id="rId28" Type="http://schemas.openxmlformats.org/officeDocument/2006/relationships/handoutMaster" Target="handoutMasters/handout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1.xml"/><Relationship Id="rId27" Type="http://schemas.openxmlformats.org/officeDocument/2006/relationships/notesMaster" Target="notesMasters/notesMaster1.xml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13/10/2022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13/10/2022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Relationship Id="rId9" Type="http://schemas.openxmlformats.org/officeDocument/2006/relationships/image" Target="../media/image16.png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D3B89D64-B650-4E0A-8B77-69ECF95B5A0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818902" y="443806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F48DFA86-33C4-4DBB-A0EA-DB28DC4C2F9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17385FF2-54BC-4585-AC9A-665DB93EBA1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 marL="0" indent="0">
              <a:buNone/>
              <a:tabLst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25FEAC-FB2A-4E04-A1F0-34E6995C213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DF5D933-4575-418D-9DE4-A56E4CA0F5B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E4065B15-25FC-46BC-A06F-AA8614ED848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449554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58A093A2-8ED3-43CD-B950-888106990D8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AAEC3064-9F37-42F0-B69D-798280580D8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  <p:sp>
        <p:nvSpPr>
          <p:cNvPr id="16" name="Copyright">
            <a:extLst>
              <a:ext uri="{FF2B5EF4-FFF2-40B4-BE49-F238E27FC236}">
                <a16:creationId xmlns:a16="http://schemas.microsoft.com/office/drawing/2014/main" id="{26B28194-B07A-45AB-9333-5AF168E3549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4501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solidFill>
                  <a:schemeClr val="bg2"/>
                </a:solidFill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74380270-8197-433E-A5D1-E3D82ED41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C618A0A1-0C41-4356-B539-41589BCD47A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4C55AA7F-7F5F-4DD5-975C-5E71125E73B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58303337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B103D9E7-7EBB-4C59-9839-7BB8AD86889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7AECFC4F-8375-498A-991F-37153AF1D3B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sting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772E8618-79E2-441E-943F-50F0CC1684F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0831648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H version_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CE23DF35-FFD6-46A0-BDB8-3327ABA5D76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88525431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4A7345B-4D74-49C1-930D-4BBB5DA9EEB3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54D6592C-B81E-4F2C-B832-B37C57FA122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10480765" y="1753221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02980B71-BDCC-4079-B6D7-3CC746B4148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91B7738-066C-4911-AC10-569A55E17FD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816453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C6A9BF4B-165D-4233-A4AE-023A5ABBEDE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8F8B7E56-553E-4DA9-BD1C-5D50952E0D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554515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34CEC00F-8512-460C-9061-435C1FC758A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 rot="16200000">
            <a:off x="10480765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CC1F608D-03EF-4B00-A8C1-A5D9080D1FE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 rot="16200000">
            <a:off x="7554516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F4C3D172-D8AB-40B9-AD21-E3633B28148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1020764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E07B621F-C3D1-402D-8EC2-6149DBF2C88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8094515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4" name="Copyright">
            <a:extLst>
              <a:ext uri="{FF2B5EF4-FFF2-40B4-BE49-F238E27FC236}">
                <a16:creationId xmlns:a16="http://schemas.microsoft.com/office/drawing/2014/main" id="{30093E19-D22B-454E-B253-1E3037C14F47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11020765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5" name="Copyright">
            <a:extLst>
              <a:ext uri="{FF2B5EF4-FFF2-40B4-BE49-F238E27FC236}">
                <a16:creationId xmlns:a16="http://schemas.microsoft.com/office/drawing/2014/main" id="{9CC18F20-0ED4-4F22-9C04-D7DF968B573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8094516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220A206B-2A5A-432F-B817-4CF5D5214EE1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1020766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7" name="Copyright">
            <a:extLst>
              <a:ext uri="{FF2B5EF4-FFF2-40B4-BE49-F238E27FC236}">
                <a16:creationId xmlns:a16="http://schemas.microsoft.com/office/drawing/2014/main" id="{47A70906-00C8-46B4-A8C8-E1DEAC6A204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8094517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C2BAEB83-C0F6-49C3-824E-91581597843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5441378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06BA3D43-5A99-42FF-9C1D-50DA5EA3C25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00043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6" name="Copyright">
            <a:extLst>
              <a:ext uri="{FF2B5EF4-FFF2-40B4-BE49-F238E27FC236}">
                <a16:creationId xmlns:a16="http://schemas.microsoft.com/office/drawing/2014/main" id="{14BBA61A-149B-4318-957B-7CBC65271626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5441379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7" name="Copyright">
            <a:extLst>
              <a:ext uri="{FF2B5EF4-FFF2-40B4-BE49-F238E27FC236}">
                <a16:creationId xmlns:a16="http://schemas.microsoft.com/office/drawing/2014/main" id="{7DF0C480-D791-4D19-B83C-E032A4974133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-100042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4" name="Copyright">
            <a:extLst>
              <a:ext uri="{FF2B5EF4-FFF2-40B4-BE49-F238E27FC236}">
                <a16:creationId xmlns:a16="http://schemas.microsoft.com/office/drawing/2014/main" id="{5483EB19-998C-4763-8E8E-E11ED37F0FB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8335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50EF55B1-84B6-47C6-A9DD-73DF3C7CB8D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433263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7597ACA5-BAFF-4F69-A27C-CC42E930FC5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0438597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727AEC6E-0B13-4AE0-963F-9E317D70C9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729012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0886C253-7D1A-44B3-BD61-DA9FCBA67F6C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3013500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DAA6FF9A-F009-49E2-9244-B19010D14F35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 rot="16200000">
            <a:off x="10429452" y="2954637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8" name="Picture Placeholder 5">
            <a:extLst>
              <a:ext uri="{FF2B5EF4-FFF2-40B4-BE49-F238E27FC236}">
                <a16:creationId xmlns:a16="http://schemas.microsoft.com/office/drawing/2014/main" id="{ED5DFF67-256E-4BA0-B43C-D5CBD4D62F64}"/>
              </a:ext>
            </a:extLst>
          </p:cNvPr>
          <p:cNvSpPr>
            <a:spLocks noGrp="1"/>
          </p:cNvSpPr>
          <p:nvPr>
            <p:ph type="pic" sz="quarter" idx="70" hasCustomPrompt="1"/>
          </p:nvPr>
        </p:nvSpPr>
        <p:spPr>
          <a:xfrm>
            <a:off x="9013188" y="1805242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646808F-ADC5-496F-BB90-E0DFAD28C2F4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 rot="16200000">
            <a:off x="10429452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B341DC74-1817-47AE-AD29-20A16E784251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 rot="16200000">
            <a:off x="7615979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1" name="Copyright">
            <a:extLst>
              <a:ext uri="{FF2B5EF4-FFF2-40B4-BE49-F238E27FC236}">
                <a16:creationId xmlns:a16="http://schemas.microsoft.com/office/drawing/2014/main" id="{489578E9-FF2D-4ED4-A34F-254B0035111E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 rot="16200000">
            <a:off x="4879043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32" name="Copyright">
            <a:extLst>
              <a:ext uri="{FF2B5EF4-FFF2-40B4-BE49-F238E27FC236}">
                <a16:creationId xmlns:a16="http://schemas.microsoft.com/office/drawing/2014/main" id="{F9BE0760-36BE-4E10-A52A-31801D404376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 rot="16200000">
            <a:off x="2065570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1227C5-83F5-4CE5-A066-ABCED3EA89D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877054-906F-4483-A462-E297703E3BE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4220E0C-11C5-47FC-9A82-A7C92F87892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7CE773-3306-49AE-B08B-63091F61AF9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2288666-815B-4FFB-8AD7-A7F1EF86EB7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C762258-F70B-432D-97B4-9C3E57507F4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024D79-E118-4261-B0FE-78FF659D456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0946E7-114D-43EE-ABEB-A30D465A342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36D4DA48-61E1-4E18-8037-8A7AC9F90C6F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06710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Copyright">
            <a:extLst>
              <a:ext uri="{FF2B5EF4-FFF2-40B4-BE49-F238E27FC236}">
                <a16:creationId xmlns:a16="http://schemas.microsoft.com/office/drawing/2014/main" id="{A3ACC3AE-95D0-44AA-808F-F9FD3C99ABC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3622149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8BAB32CB-BB1C-45FF-86A5-B1398EE9A80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42EEB2C-2FA6-4E60-8BC0-3B0A200FE69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 rot="16200000">
            <a:off x="4360211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7392EE9F-7032-44FA-9700-6A84928DA764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98F55F89-83E9-43FE-BEE5-0B42464546FD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4360212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A2E1D88-07B2-471E-90A1-74C7AD1E275B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050EE8D4-F5B0-4390-AF5C-1EAA874A7F46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8FAE7B5C-6B8D-4484-9545-E71653BA2F27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 rot="16200000">
            <a:off x="642188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FF2B36E2-7D6D-48C3-A60D-214213665E5C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 rot="16200000">
            <a:off x="642188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652D745A-E943-4EFF-8B4F-6FD8C1784249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 rot="16200000">
            <a:off x="2296269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889B75A5-26AB-431B-A907-6EF11975EB12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 rot="16200000">
            <a:off x="2296270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F602C899-8005-40F8-A9B0-E4F2A7E8611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3742587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C101D9F4-BB9A-4CE5-84BF-D5DBCF64087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Decreas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Reset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0" kern="1200" dirty="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Layout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mage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ols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ll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5200809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F5ECD375-0233-4248-828F-785FB172D7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977257" y="441672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5">
            <a:extLst>
              <a:ext uri="{96DAC541-7B7A-43D3-8B79-37D633B846F1}">
                <asvg:svgBlip xmlns:asvg="http://schemas.microsoft.com/office/drawing/2016/SVG/main" r:embed="rId56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791" r:id="rId2"/>
    <p:sldLayoutId id="2147483910" r:id="rId3"/>
    <p:sldLayoutId id="2147483840" r:id="rId4"/>
    <p:sldLayoutId id="2147483792" r:id="rId5"/>
    <p:sldLayoutId id="2147483908" r:id="rId6"/>
    <p:sldLayoutId id="2147483663" r:id="rId7"/>
    <p:sldLayoutId id="2147483699" r:id="rId8"/>
    <p:sldLayoutId id="2147483650" r:id="rId9"/>
    <p:sldLayoutId id="2147483751" r:id="rId10"/>
    <p:sldLayoutId id="2147483664" r:id="rId11"/>
    <p:sldLayoutId id="2147483691" r:id="rId12"/>
    <p:sldLayoutId id="2147483690" r:id="rId13"/>
    <p:sldLayoutId id="2147483923" r:id="rId14"/>
    <p:sldLayoutId id="2147483825" r:id="rId15"/>
    <p:sldLayoutId id="2147483928" r:id="rId16"/>
    <p:sldLayoutId id="2147483929" r:id="rId17"/>
    <p:sldLayoutId id="2147483890" r:id="rId18"/>
    <p:sldLayoutId id="2147483920" r:id="rId19"/>
    <p:sldLayoutId id="2147483926" r:id="rId20"/>
    <p:sldLayoutId id="2147483985" r:id="rId21"/>
    <p:sldLayoutId id="2147483930" r:id="rId22"/>
    <p:sldLayoutId id="2147483927" r:id="rId23"/>
    <p:sldLayoutId id="2147483986" r:id="rId24"/>
    <p:sldLayoutId id="2147483984" r:id="rId25"/>
    <p:sldLayoutId id="2147483827" r:id="rId26"/>
    <p:sldLayoutId id="2147483912" r:id="rId27"/>
    <p:sldLayoutId id="2147483913" r:id="rId28"/>
    <p:sldLayoutId id="2147483914" r:id="rId29"/>
    <p:sldLayoutId id="2147483838" r:id="rId30"/>
    <p:sldLayoutId id="2147483836" r:id="rId31"/>
    <p:sldLayoutId id="2147483837" r:id="rId32"/>
    <p:sldLayoutId id="2147483921" r:id="rId33"/>
    <p:sldLayoutId id="2147483917" r:id="rId34"/>
    <p:sldLayoutId id="2147483916" r:id="rId35"/>
    <p:sldLayoutId id="2147483925" r:id="rId36"/>
    <p:sldLayoutId id="2147483918" r:id="rId37"/>
    <p:sldLayoutId id="2147483924" r:id="rId38"/>
    <p:sldLayoutId id="2147483922" r:id="rId39"/>
    <p:sldLayoutId id="2147483919" r:id="rId40"/>
    <p:sldLayoutId id="2147483867" r:id="rId41"/>
    <p:sldLayoutId id="2147483868" r:id="rId42"/>
    <p:sldLayoutId id="2147483869" r:id="rId43"/>
    <p:sldLayoutId id="2147483870" r:id="rId44"/>
    <p:sldLayoutId id="2147483871" r:id="rId45"/>
    <p:sldLayoutId id="2147483882" r:id="rId46"/>
    <p:sldLayoutId id="2147483883" r:id="rId47"/>
    <p:sldLayoutId id="2147483911" r:id="rId48"/>
    <p:sldLayoutId id="2147483884" r:id="rId49"/>
    <p:sldLayoutId id="2147483885" r:id="rId50"/>
    <p:sldLayoutId id="2147483909" r:id="rId51"/>
    <p:sldLayoutId id="2147483931" r:id="rId52"/>
    <p:sldLayoutId id="2147483932" r:id="rId53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A7BF1C5-7763-46CF-A208-CA72561C0F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797B1-B762-4D63-983D-2C87F33B01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179541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9.xml"/><Relationship Id="rId4" Type="http://schemas.openxmlformats.org/officeDocument/2006/relationships/image" Target="../media/image17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1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9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2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7AA3CE3-ED69-42DA-8130-726BB195283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igital H&amp;S File Survey Results to dat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79BE1D2-07EB-4159-890B-4FA22C8C6C8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Summary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86C8877-7F80-4FF2-9527-36A270CE963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658811" y="1846262"/>
            <a:ext cx="10874375" cy="4354513"/>
          </a:xfrm>
        </p:spPr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en-GB" dirty="0"/>
              <a:t>16 Responses to date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GB" dirty="0"/>
              <a:t>¼ of responses indicate “no progress” on digital HSF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GB" dirty="0"/>
              <a:t>½ of responses indicate “limited or moderate progress”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GB" dirty="0"/>
              <a:t>Most used properties: </a:t>
            </a:r>
          </a:p>
          <a:p>
            <a:pPr marL="900000" lvl="3" indent="-4572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1"/>
                </a:solidFill>
              </a:rPr>
              <a:t>Includes model</a:t>
            </a:r>
          </a:p>
          <a:p>
            <a:pPr marL="900000" lvl="3" indent="-4572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1"/>
                </a:solidFill>
              </a:rPr>
              <a:t>Includes interactive links between model and element information</a:t>
            </a:r>
          </a:p>
          <a:p>
            <a:pPr marL="900000" lvl="3" indent="-4572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1"/>
                </a:solidFill>
              </a:rPr>
              <a:t>Shows residual risks in model</a:t>
            </a:r>
          </a:p>
          <a:p>
            <a:pPr marL="457200" lvl="3" indent="-4572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1"/>
                </a:solidFill>
                <a:cs typeface="+mn-cs"/>
              </a:rPr>
              <a:t>1 example where a proprietary digital HSF system used</a:t>
            </a:r>
          </a:p>
          <a:p>
            <a:pPr marL="457200" lvl="3" indent="-457200"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1"/>
                </a:solidFill>
                <a:cs typeface="+mn-cs"/>
              </a:rPr>
              <a:t>Most used digital input is </a:t>
            </a:r>
            <a:r>
              <a:rPr lang="en-GB" dirty="0" err="1">
                <a:solidFill>
                  <a:schemeClr val="tx1"/>
                </a:solidFill>
                <a:cs typeface="+mn-cs"/>
              </a:rPr>
              <a:t>SafetiBase</a:t>
            </a:r>
            <a:endParaRPr lang="en-GB" dirty="0">
              <a:solidFill>
                <a:schemeClr val="tx1"/>
              </a:solidFill>
              <a:cs typeface="+mn-cs"/>
            </a:endParaRPr>
          </a:p>
          <a:p>
            <a:pPr marL="457200" indent="-457200">
              <a:buFont typeface="Arial" panose="020B0604020202020204" pitchFamily="34" charset="0"/>
              <a:buChar char="•"/>
            </a:pPr>
            <a:endParaRPr lang="en-GB" dirty="0"/>
          </a:p>
          <a:p>
            <a:pPr marL="457200" indent="-457200">
              <a:buFont typeface="Arial" panose="020B0604020202020204" pitchFamily="34" charset="0"/>
              <a:buChar char="•"/>
            </a:pPr>
            <a:endParaRPr lang="en-GB" dirty="0"/>
          </a:p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4668082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Question 2 – Current Progres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77FF0F7-39DD-13D6-4040-2A46011836F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58811" y="2075807"/>
            <a:ext cx="11149026" cy="38255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5317714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EF219B-B14D-4F26-8F20-8F924AA20E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Question 3 – Properties used in Digital HSF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1F64EC0-146C-48DB-A030-5E20A11E6FA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D5B4D0A5-EF81-12B3-67FE-3C212BF11783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4"/>
          <a:stretch>
            <a:fillRect/>
          </a:stretch>
        </p:blipFill>
        <p:spPr>
          <a:xfrm>
            <a:off x="734866" y="2060567"/>
            <a:ext cx="10722269" cy="3856054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7663062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EF219B-B14D-4F26-8F20-8F924AA20E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Question 6 – Proprietary HSF system used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1F64EC0-146C-48DB-A030-5E20A11E6FA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2FDE1F48-BD3C-2629-ED09-FB4C80EE7C18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4"/>
          <a:stretch>
            <a:fillRect/>
          </a:stretch>
        </p:blipFill>
        <p:spPr>
          <a:xfrm>
            <a:off x="658813" y="2174996"/>
            <a:ext cx="10874375" cy="3627195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1638683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EEF219B-B14D-4F26-8F20-8F924AA20E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Question 9 – Collecting HSF data digitally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1F64EC0-146C-48DB-A030-5E20A11E6FA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3D6AE2E6-750B-F119-093D-8F1B5C037327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4"/>
          <a:stretch>
            <a:fillRect/>
          </a:stretch>
        </p:blipFill>
        <p:spPr>
          <a:xfrm>
            <a:off x="658813" y="2146548"/>
            <a:ext cx="10874375" cy="3684092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2567196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7D4196"/>
    </a:custClr>
    <a:custClr name="Chart 3">
      <a:srgbClr val="005AAA"/>
    </a:custClr>
    <a:custClr name="Chart 4">
      <a:srgbClr val="32A4A0"/>
    </a:custClr>
    <a:custClr name="Chart 5">
      <a:srgbClr val="C83C96"/>
    </a:custClr>
    <a:custClr name="Chart 6">
      <a:srgbClr val="4BA046"/>
    </a:custClr>
    <a:custClr name="Chart 7">
      <a:srgbClr val="1E9B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ial-Times New Roman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Times New Roman" panose="02020603050405020304"/>
        <a:ea typeface=""/>
        <a:cs typeface=""/>
        <a:font script="Jpan" typeface="ＭＳ Ｐ明朝"/>
        <a:font script="Hang" typeface="바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949598596054315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7949598596068754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7949598596068754","enableDocumentContentUpdater":false,"version":"2.0"}]]></TemplafySlideTemplateConfiguration>
</file>

<file path=customXml/item19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Blank","templateDescription":"","enableDocumentContentUpdater":false,"version":"2.0"}]]></TemplafyTemplateConfiguration>
</file>

<file path=customXml/item2.xml><?xml version="1.0" encoding="utf-8"?>
<TemplafySlideTemplateConfiguration><![CDATA[{"slideVersion":1,"isValidatorEnabled":false,"isLocked":false,"elementsMetadata":[],"slideId":"637949598596075801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TemplateConfiguration><![CDATA[{"slideVersion":1,"isValidatorEnabled":false,"isLocked":false,"elementsMetadata":[],"slideId":"637949598596068754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949598596079716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794959859606156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79BC2F45-7ADB-45C6-83DE-CEA667DC974F}">
  <ds:schemaRefs/>
</ds:datastoreItem>
</file>

<file path=customXml/itemProps10.xml><?xml version="1.0" encoding="utf-8"?>
<ds:datastoreItem xmlns:ds="http://schemas.openxmlformats.org/officeDocument/2006/customXml" ds:itemID="{B38A1309-93A8-4147-848C-9DBE227067B1}">
  <ds:schemaRefs/>
</ds:datastoreItem>
</file>

<file path=customXml/itemProps11.xml><?xml version="1.0" encoding="utf-8"?>
<ds:datastoreItem xmlns:ds="http://schemas.openxmlformats.org/officeDocument/2006/customXml" ds:itemID="{6FEA50E6-D1D1-43BB-B1EA-ADDC424130BD}">
  <ds:schemaRefs/>
</ds:datastoreItem>
</file>

<file path=customXml/itemProps12.xml><?xml version="1.0" encoding="utf-8"?>
<ds:datastoreItem xmlns:ds="http://schemas.openxmlformats.org/officeDocument/2006/customXml" ds:itemID="{5690702F-8431-47BE-8D47-732B80FA0990}">
  <ds:schemaRefs/>
</ds:datastoreItem>
</file>

<file path=customXml/itemProps13.xml><?xml version="1.0" encoding="utf-8"?>
<ds:datastoreItem xmlns:ds="http://schemas.openxmlformats.org/officeDocument/2006/customXml" ds:itemID="{ECBD5CC9-6EA8-400F-9BFC-A8EB5F370A6C}">
  <ds:schemaRefs/>
</ds:datastoreItem>
</file>

<file path=customXml/itemProps14.xml><?xml version="1.0" encoding="utf-8"?>
<ds:datastoreItem xmlns:ds="http://schemas.openxmlformats.org/officeDocument/2006/customXml" ds:itemID="{F5A6AC88-5A03-4CBC-B83F-8A83D57514C4}">
  <ds:schemaRefs/>
</ds:datastoreItem>
</file>

<file path=customXml/itemProps15.xml><?xml version="1.0" encoding="utf-8"?>
<ds:datastoreItem xmlns:ds="http://schemas.openxmlformats.org/officeDocument/2006/customXml" ds:itemID="{6E803A3F-64DB-469E-A52C-A9461D2C1E41}">
  <ds:schemaRefs/>
</ds:datastoreItem>
</file>

<file path=customXml/itemProps16.xml><?xml version="1.0" encoding="utf-8"?>
<ds:datastoreItem xmlns:ds="http://schemas.openxmlformats.org/officeDocument/2006/customXml" ds:itemID="{54318B69-A5A7-487D-A24A-3BE3790C6D31}">
  <ds:schemaRefs/>
</ds:datastoreItem>
</file>

<file path=customXml/itemProps17.xml><?xml version="1.0" encoding="utf-8"?>
<ds:datastoreItem xmlns:ds="http://schemas.openxmlformats.org/officeDocument/2006/customXml" ds:itemID="{015489D0-6924-4348-A9BE-0A639023A5F1}">
  <ds:schemaRefs/>
</ds:datastoreItem>
</file>

<file path=customXml/itemProps18.xml><?xml version="1.0" encoding="utf-8"?>
<ds:datastoreItem xmlns:ds="http://schemas.openxmlformats.org/officeDocument/2006/customXml" ds:itemID="{BE52BB0A-9AD6-4335-A724-54AA9AFF7D69}">
  <ds:schemaRefs/>
</ds:datastoreItem>
</file>

<file path=customXml/itemProps19.xml><?xml version="1.0" encoding="utf-8"?>
<ds:datastoreItem xmlns:ds="http://schemas.openxmlformats.org/officeDocument/2006/customXml" ds:itemID="{CBB68CCC-1B51-492A-84E3-3500C75307DB}">
  <ds:schemaRefs/>
</ds:datastoreItem>
</file>

<file path=customXml/itemProps2.xml><?xml version="1.0" encoding="utf-8"?>
<ds:datastoreItem xmlns:ds="http://schemas.openxmlformats.org/officeDocument/2006/customXml" ds:itemID="{BD193319-6763-4D30-8A39-157321484084}">
  <ds:schemaRefs/>
</ds:datastoreItem>
</file>

<file path=customXml/itemProps3.xml><?xml version="1.0" encoding="utf-8"?>
<ds:datastoreItem xmlns:ds="http://schemas.openxmlformats.org/officeDocument/2006/customXml" ds:itemID="{2E6AD59A-58AB-41D9-8556-D29A62E3CBF3}">
  <ds:schemaRefs/>
</ds:datastoreItem>
</file>

<file path=customXml/itemProps4.xml><?xml version="1.0" encoding="utf-8"?>
<ds:datastoreItem xmlns:ds="http://schemas.openxmlformats.org/officeDocument/2006/customXml" ds:itemID="{85C9654A-CB65-48CF-ADF0-1162351C4C97}">
  <ds:schemaRefs/>
</ds:datastoreItem>
</file>

<file path=customXml/itemProps5.xml><?xml version="1.0" encoding="utf-8"?>
<ds:datastoreItem xmlns:ds="http://schemas.openxmlformats.org/officeDocument/2006/customXml" ds:itemID="{C6039853-776F-47BA-976F-0406E4F692BC}">
  <ds:schemaRefs/>
</ds:datastoreItem>
</file>

<file path=customXml/itemProps6.xml><?xml version="1.0" encoding="utf-8"?>
<ds:datastoreItem xmlns:ds="http://schemas.openxmlformats.org/officeDocument/2006/customXml" ds:itemID="{4F72C013-D0A8-41E0-8381-B9C3321F0DCA}">
  <ds:schemaRefs/>
</ds:datastoreItem>
</file>

<file path=customXml/itemProps7.xml><?xml version="1.0" encoding="utf-8"?>
<ds:datastoreItem xmlns:ds="http://schemas.openxmlformats.org/officeDocument/2006/customXml" ds:itemID="{9F8E5E60-D5E2-446B-AF9F-C87AFDEFE058}">
  <ds:schemaRefs/>
</ds:datastoreItem>
</file>

<file path=customXml/itemProps8.xml><?xml version="1.0" encoding="utf-8"?>
<ds:datastoreItem xmlns:ds="http://schemas.openxmlformats.org/officeDocument/2006/customXml" ds:itemID="{D3A0B59C-ADAB-4FB6-95BD-003667FC11F1}">
  <ds:schemaRefs/>
</ds:datastoreItem>
</file>

<file path=customXml/itemProps9.xml><?xml version="1.0" encoding="utf-8"?>
<ds:datastoreItem xmlns:ds="http://schemas.openxmlformats.org/officeDocument/2006/customXml" ds:itemID="{A6D7B083-F2BF-4747-95A2-78EF1BB1DF0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96</Words>
  <Application>Microsoft Office PowerPoint</Application>
  <PresentationFormat>Widescreen</PresentationFormat>
  <Paragraphs>16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Times New Roman</vt:lpstr>
      <vt:lpstr>Arup</vt:lpstr>
      <vt:lpstr>Blank</vt:lpstr>
      <vt:lpstr>Digital H&amp;S File Survey Results to date</vt:lpstr>
      <vt:lpstr>Question 2 – Current Progress</vt:lpstr>
      <vt:lpstr>Question 3 – Properties used in Digital HSF</vt:lpstr>
      <vt:lpstr>Question 6 – Proprietary HSF system used</vt:lpstr>
      <vt:lpstr>Question 9 – Collecting HSF data digitally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9-29T11:19:13Z</dcterms:created>
  <dcterms:modified xsi:type="dcterms:W3CDTF">2022-10-13T10:41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6-29T16:26:25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d2f615bd-5adc-4406-b42c-8cea75de1189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imeStamp">
    <vt:lpwstr>2022-08-01T14:10:59</vt:lpwstr>
  </property>
  <property fmtid="{D5CDD505-2E9C-101B-9397-08002B2CF9AE}" pid="10" name="TemplafyTenantId">
    <vt:lpwstr>arup</vt:lpwstr>
  </property>
  <property fmtid="{D5CDD505-2E9C-101B-9397-08002B2CF9AE}" pid="11" name="TemplafyTemplateId">
    <vt:lpwstr>637949598584067215</vt:lpwstr>
  </property>
  <property fmtid="{D5CDD505-2E9C-101B-9397-08002B2CF9AE}" pid="12" name="TemplafyUserProfileId">
    <vt:lpwstr>637792234952095771</vt:lpwstr>
  </property>
  <property fmtid="{D5CDD505-2E9C-101B-9397-08002B2CF9AE}" pid="13" name="TemplafyLanguageCode">
    <vt:lpwstr>en-GB</vt:lpwstr>
  </property>
  <property fmtid="{D5CDD505-2E9C-101B-9397-08002B2CF9AE}" pid="14" name="PPStyles">
    <vt:lpwstr/>
  </property>
  <property fmtid="{D5CDD505-2E9C-101B-9397-08002B2CF9AE}" pid="15" name="TemplafyFromBlank">
    <vt:bool>true</vt:bool>
  </property>
</Properties>
</file>